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267A7" w:rsidRDefault="005A452D">
      <w:r w:rsidRPr="005A452D">
        <w:rPr>
          <w:noProof/>
        </w:rPr>
        <w:drawing>
          <wp:inline distT="0" distB="0" distL="0" distR="0">
            <wp:extent cx="5943600" cy="7676452"/>
            <wp:effectExtent l="0" t="0" r="0" b="1270"/>
            <wp:docPr id="2" name="Picture 2" descr="C:\Users\i140420\Desktop\Kamran_DSP_4_14-2-19\fron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40420\Desktop\Kamran_DSP_4_14-2-19\front.JP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76764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267A7" w:rsidRDefault="00D267A7"/>
    <w:p w:rsidR="00D267A7" w:rsidRDefault="00D267A7"/>
    <w:p w:rsidR="00D267A7" w:rsidRDefault="00D267A7">
      <w:pPr>
        <w:rPr>
          <w:b/>
        </w:rPr>
      </w:pPr>
      <w:r w:rsidRPr="00D267A7">
        <w:rPr>
          <w:b/>
        </w:rPr>
        <w:t>Task1: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-20:20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1=sin(2*pi*0.5*n)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k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randn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1,length(n))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x1+k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M=3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=(ones(1,M)*(1/M))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a=[1]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=filter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b,a,x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m,w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y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511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/pi),abs(m)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M=3 Amp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M=7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s1=(ones(1,M)*(1/M))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1=filter(bs1,a,x)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m1,w1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y1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512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1/pi),abs(m1)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M=7 Amp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M=11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s2=(ones(1,M)*(1/M))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2=filter(bs2,a,x)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m2,w2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y2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513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2/pi),abs(m2)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M=11 Amp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myb1=[0.5 0.27 0.77]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myb2=[0.45 0.5 0.45]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mya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[1 -0.53 0.46];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1=filter(myb1,a,x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k,w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s1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514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w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/pi),abs(k)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FIR System 1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2=filter(myb2,mya,x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K1,W1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s2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515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tem((W1/pi),abs(K1)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lastRenderedPageBreak/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IIR System 2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E90D94" w:rsidRDefault="00E90D94" w:rsidP="00E90D9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E90D94" w:rsidRDefault="00E90D94">
      <w:pPr>
        <w:rPr>
          <w:b/>
        </w:rPr>
      </w:pPr>
      <w:r w:rsidRPr="00E90D94">
        <w:rPr>
          <w:b/>
          <w:noProof/>
        </w:rPr>
        <w:drawing>
          <wp:inline distT="0" distB="0" distL="0" distR="0">
            <wp:extent cx="6448425" cy="4780915"/>
            <wp:effectExtent l="0" t="0" r="9525" b="635"/>
            <wp:docPr id="7" name="Picture 7" descr="C:\Users\i140420\Desktop\Kamran_DSP_5_21_2\t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140420\Desktop\Kamran_DSP_5_21_2\t1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61921" cy="479092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90D94" w:rsidRDefault="00E90D94">
      <w:pPr>
        <w:rPr>
          <w:b/>
          <w:color w:val="FF0000"/>
        </w:rPr>
      </w:pPr>
      <w:r>
        <w:rPr>
          <w:b/>
          <w:color w:val="FF0000"/>
        </w:rPr>
        <w:t xml:space="preserve">M=11 among moving </w:t>
      </w:r>
      <w:proofErr w:type="spellStart"/>
      <w:r>
        <w:rPr>
          <w:b/>
          <w:color w:val="FF0000"/>
        </w:rPr>
        <w:t>avg</w:t>
      </w:r>
      <w:proofErr w:type="spellEnd"/>
      <w:r>
        <w:rPr>
          <w:b/>
          <w:color w:val="FF0000"/>
        </w:rPr>
        <w:t xml:space="preserve"> filters and IIR system among the systems provide best beyond </w:t>
      </w:r>
      <w:proofErr w:type="spellStart"/>
      <w:r>
        <w:rPr>
          <w:b/>
          <w:color w:val="FF0000"/>
        </w:rPr>
        <w:t>stopband</w:t>
      </w:r>
      <w:proofErr w:type="spellEnd"/>
      <w:r>
        <w:rPr>
          <w:b/>
          <w:color w:val="FF0000"/>
        </w:rPr>
        <w:t xml:space="preserve"> </w:t>
      </w:r>
      <w:proofErr w:type="spellStart"/>
      <w:r>
        <w:rPr>
          <w:b/>
          <w:color w:val="FF0000"/>
        </w:rPr>
        <w:t>freq’s</w:t>
      </w:r>
      <w:proofErr w:type="spellEnd"/>
      <w:r>
        <w:rPr>
          <w:b/>
          <w:color w:val="FF0000"/>
        </w:rPr>
        <w:t xml:space="preserve"> magnitude attenuation while M=11 moving </w:t>
      </w:r>
      <w:proofErr w:type="spellStart"/>
      <w:r>
        <w:rPr>
          <w:b/>
          <w:color w:val="FF0000"/>
        </w:rPr>
        <w:t>avg</w:t>
      </w:r>
      <w:proofErr w:type="spellEnd"/>
      <w:r>
        <w:rPr>
          <w:b/>
          <w:color w:val="FF0000"/>
        </w:rPr>
        <w:t xml:space="preserve"> filter provides best attenuation among M=11 and IIR.</w:t>
      </w:r>
    </w:p>
    <w:p w:rsidR="00DD2A9E" w:rsidRDefault="00DD2A9E" w:rsidP="00DD2A9E">
      <w:pPr>
        <w:rPr>
          <w:b/>
        </w:rPr>
      </w:pPr>
      <w:r>
        <w:rPr>
          <w:b/>
        </w:rPr>
        <w:t>Task2</w:t>
      </w:r>
      <w:r w:rsidRPr="00D267A7">
        <w:rPr>
          <w:b/>
        </w:rPr>
        <w:t>: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close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clc</w:t>
      </w:r>
      <w:proofErr w:type="spellEnd"/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clear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-5:20;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(n&gt;=0).*(n&lt;10);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1=(n==0);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1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n,x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input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index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Amplitudes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=[1];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lastRenderedPageBreak/>
        <w:t>a=[1 -0.9];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h=filter(b,a,x1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conv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,h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2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n,h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system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index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Amplitudes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3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l=length(x)+(length(h)-1);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0:(l-1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N,y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 xml:space="preserve">'output using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conv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>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index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Amplitudes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4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1=filter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b,a,x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n,y1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output using filter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  <w:bookmarkStart w:id="0" w:name="_GoBack"/>
      <w:bookmarkEnd w:id="0"/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index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6B2CCD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Amplitudes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6B2CCD" w:rsidRDefault="006B2CCD" w:rsidP="00DD2A9E">
      <w:pPr>
        <w:rPr>
          <w:b/>
        </w:rPr>
      </w:pPr>
    </w:p>
    <w:p w:rsidR="006B2CCD" w:rsidRDefault="006B2CCD" w:rsidP="00DD2A9E">
      <w:pPr>
        <w:rPr>
          <w:b/>
        </w:rPr>
      </w:pPr>
      <w:r w:rsidRPr="006B2CCD">
        <w:rPr>
          <w:b/>
          <w:noProof/>
        </w:rPr>
        <w:drawing>
          <wp:inline distT="0" distB="0" distL="0" distR="0">
            <wp:extent cx="6305550" cy="4552821"/>
            <wp:effectExtent l="0" t="0" r="0" b="635"/>
            <wp:docPr id="8" name="Picture 8" descr="C:\Users\i140420\Desktop\Kamran_DSP_5_21_2\t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140420\Desktop\Kamran_DSP_5_21_2\t2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13936" cy="45588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6B2CCD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activeWritingStyle w:appName="MSWord" w:lang="en-US" w:vendorID="64" w:dllVersion="131078" w:nlCheck="1" w:checkStyle="0"/>
  <w:proofState w:spelling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267A7"/>
    <w:rsid w:val="00023C52"/>
    <w:rsid w:val="00057482"/>
    <w:rsid w:val="00105845"/>
    <w:rsid w:val="001D02ED"/>
    <w:rsid w:val="002B2AF9"/>
    <w:rsid w:val="00376E2C"/>
    <w:rsid w:val="004F2E51"/>
    <w:rsid w:val="005A452D"/>
    <w:rsid w:val="006B2CCD"/>
    <w:rsid w:val="00AA6F74"/>
    <w:rsid w:val="00AB64AA"/>
    <w:rsid w:val="00B152CE"/>
    <w:rsid w:val="00B27DA0"/>
    <w:rsid w:val="00D144B9"/>
    <w:rsid w:val="00D267A7"/>
    <w:rsid w:val="00D81208"/>
    <w:rsid w:val="00DD2A9E"/>
    <w:rsid w:val="00E90D94"/>
    <w:rsid w:val="00F23702"/>
    <w:rsid w:val="00F407A4"/>
    <w:rsid w:val="00F732C3"/>
    <w:rsid w:val="00F743C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4420E688-E415-4CA4-966C-B57F53192EA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1</TotalTime>
  <Pages>4</Pages>
  <Words>234</Words>
  <Characters>1336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56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140420</dc:creator>
  <cp:keywords/>
  <dc:description/>
  <cp:lastModifiedBy>i140420</cp:lastModifiedBy>
  <cp:revision>5</cp:revision>
  <dcterms:created xsi:type="dcterms:W3CDTF">2019-02-21T11:26:00Z</dcterms:created>
  <dcterms:modified xsi:type="dcterms:W3CDTF">2019-02-21T11:46:00Z</dcterms:modified>
</cp:coreProperties>
</file>